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uidplas/"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114F195D-E874-7D15-DFAE-98D902BA4D9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5763" y="4761186"/>
            <a:ext cx="2927171" cy="19026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schermopname, logo&#10;&#10;Automatisch gegenereerde beschrijving">
            <a:extLst>
              <a:ext uri="{FF2B5EF4-FFF2-40B4-BE49-F238E27FC236}">
                <a16:creationId xmlns:a16="http://schemas.microsoft.com/office/drawing/2014/main" id="{EDFBD680-834F-CABA-DFFD-7053722089E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4389" y="3989661"/>
            <a:ext cx="2031283" cy="132033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3</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7-18T08:59:58Z</dcterms:modified>
</cp:coreProperties>
</file>